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1"/>
  </p:notesMasterIdLst>
  <p:handoutMasterIdLst>
    <p:handoutMasterId r:id="rId12"/>
  </p:handoutMasterIdLst>
  <p:sldIdLst>
    <p:sldId id="261" r:id="rId2"/>
    <p:sldId id="262" r:id="rId3"/>
    <p:sldId id="258" r:id="rId4"/>
    <p:sldId id="265" r:id="rId5"/>
    <p:sldId id="270" r:id="rId6"/>
    <p:sldId id="266" r:id="rId7"/>
    <p:sldId id="267" r:id="rId8"/>
    <p:sldId id="269" r:id="rId9"/>
    <p:sldId id="271" r:id="rId10"/>
  </p:sldIdLst>
  <p:sldSz cx="12188825" cy="6858000"/>
  <p:notesSz cx="6797675" cy="9926638"/>
  <p:embeddedFontLst>
    <p:embeddedFont>
      <p:font typeface="AU Passata" panose="020B0503030502030804" pitchFamily="34" charset="77"/>
      <p:regular r:id="rId13"/>
      <p:bold r:id="rId14"/>
    </p:embeddedFont>
    <p:embeddedFont>
      <p:font typeface="AU Passata Light" panose="020B0303030902030804" pitchFamily="34" charset="77"/>
      <p:regular r:id="rId15"/>
      <p:bold r:id="rId16"/>
    </p:embeddedFont>
    <p:embeddedFont>
      <p:font typeface="AU Peto" pitchFamily="82" charset="77"/>
      <p:regular r:id="rId17"/>
      <p:bold r:id="rId18"/>
    </p:embeddedFont>
    <p:embeddedFont>
      <p:font typeface="Georgia" panose="02040502050405020303" pitchFamily="18" charset="0"/>
      <p:regular r:id="rId19"/>
      <p:bold r:id="rId20"/>
      <p:italic r:id="rId21"/>
      <p:boldItalic r:id="rId2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0143FE7-ABA2-944E-98A3-8CB25F68ACC5}" v="86" dt="2024-11-20T08:52:41.13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93478" autoAdjust="0"/>
  </p:normalViewPr>
  <p:slideViewPr>
    <p:cSldViewPr snapToObjects="1" showGuides="1">
      <p:cViewPr>
        <p:scale>
          <a:sx n="97" d="100"/>
          <a:sy n="97" d="100"/>
        </p:scale>
        <p:origin x="1080" y="24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font" Target="fonts/font9.fntdata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font" Target="fonts/font5.fntdata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4.fntdata"/><Relationship Id="rId20" Type="http://schemas.openxmlformats.org/officeDocument/2006/relationships/font" Target="fonts/font8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font" Target="fonts/font3.fntdata"/><Relationship Id="rId23" Type="http://schemas.openxmlformats.org/officeDocument/2006/relationships/presProps" Target="presProps.xml"/><Relationship Id="rId28" Type="http://schemas.microsoft.com/office/2015/10/relationships/revisionInfo" Target="revisionInfo.xml"/><Relationship Id="rId10" Type="http://schemas.openxmlformats.org/officeDocument/2006/relationships/slide" Target="slides/slide9.xml"/><Relationship Id="rId19" Type="http://schemas.openxmlformats.org/officeDocument/2006/relationships/font" Target="fonts/font7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2.fntdata"/><Relationship Id="rId22" Type="http://schemas.openxmlformats.org/officeDocument/2006/relationships/font" Target="fonts/font10.fntdata"/><Relationship Id="rId27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Eve Hoggan" userId="3f91a428-7736-496e-8ecc-061dff736df5" providerId="ADAL" clId="{D0143FE7-ABA2-944E-98A3-8CB25F68ACC5}"/>
    <pc:docChg chg="undo custSel addSld delSld modSld sldOrd">
      <pc:chgData name="Eve Hoggan" userId="3f91a428-7736-496e-8ecc-061dff736df5" providerId="ADAL" clId="{D0143FE7-ABA2-944E-98A3-8CB25F68ACC5}" dt="2024-11-20T08:59:29.362" v="591" actId="2696"/>
      <pc:docMkLst>
        <pc:docMk/>
      </pc:docMkLst>
      <pc:sldChg chg="addSp modSp mod">
        <pc:chgData name="Eve Hoggan" userId="3f91a428-7736-496e-8ecc-061dff736df5" providerId="ADAL" clId="{D0143FE7-ABA2-944E-98A3-8CB25F68ACC5}" dt="2024-11-20T08:41:01.671" v="389" actId="255"/>
        <pc:sldMkLst>
          <pc:docMk/>
          <pc:sldMk cId="3535925220" sldId="258"/>
        </pc:sldMkLst>
        <pc:spChg chg="mod">
          <ac:chgData name="Eve Hoggan" userId="3f91a428-7736-496e-8ecc-061dff736df5" providerId="ADAL" clId="{D0143FE7-ABA2-944E-98A3-8CB25F68ACC5}" dt="2024-11-20T08:03:56.999" v="80" actId="20577"/>
          <ac:spMkLst>
            <pc:docMk/>
            <pc:sldMk cId="3535925220" sldId="258"/>
            <ac:spMk id="4" creationId="{00000000-0000-0000-0000-000000000000}"/>
          </ac:spMkLst>
        </pc:spChg>
        <pc:spChg chg="mod">
          <ac:chgData name="Eve Hoggan" userId="3f91a428-7736-496e-8ecc-061dff736df5" providerId="ADAL" clId="{D0143FE7-ABA2-944E-98A3-8CB25F68ACC5}" dt="2024-11-20T08:41:01.671" v="389" actId="255"/>
          <ac:spMkLst>
            <pc:docMk/>
            <pc:sldMk cId="3535925220" sldId="258"/>
            <ac:spMk id="5" creationId="{00000000-0000-0000-0000-000000000000}"/>
          </ac:spMkLst>
        </pc:spChg>
        <pc:picChg chg="add mod">
          <ac:chgData name="Eve Hoggan" userId="3f91a428-7736-496e-8ecc-061dff736df5" providerId="ADAL" clId="{D0143FE7-ABA2-944E-98A3-8CB25F68ACC5}" dt="2024-11-20T08:39:10.416" v="367" actId="408"/>
          <ac:picMkLst>
            <pc:docMk/>
            <pc:sldMk cId="3535925220" sldId="258"/>
            <ac:picMk id="2" creationId="{5C3573FA-141E-324A-F49A-54124A254B33}"/>
          </ac:picMkLst>
        </pc:picChg>
        <pc:picChg chg="add mod">
          <ac:chgData name="Eve Hoggan" userId="3f91a428-7736-496e-8ecc-061dff736df5" providerId="ADAL" clId="{D0143FE7-ABA2-944E-98A3-8CB25F68ACC5}" dt="2024-11-20T08:39:10.416" v="367" actId="408"/>
          <ac:picMkLst>
            <pc:docMk/>
            <pc:sldMk cId="3535925220" sldId="258"/>
            <ac:picMk id="3" creationId="{457D9A50-EE29-140C-C9E2-4AA7CA8C37AD}"/>
          </ac:picMkLst>
        </pc:picChg>
        <pc:picChg chg="add mod">
          <ac:chgData name="Eve Hoggan" userId="3f91a428-7736-496e-8ecc-061dff736df5" providerId="ADAL" clId="{D0143FE7-ABA2-944E-98A3-8CB25F68ACC5}" dt="2024-11-20T08:40:42.259" v="386" actId="1076"/>
          <ac:picMkLst>
            <pc:docMk/>
            <pc:sldMk cId="3535925220" sldId="258"/>
            <ac:picMk id="6" creationId="{0A86C103-4133-4624-5197-F612186676CD}"/>
          </ac:picMkLst>
        </pc:picChg>
        <pc:picChg chg="add mod">
          <ac:chgData name="Eve Hoggan" userId="3f91a428-7736-496e-8ecc-061dff736df5" providerId="ADAL" clId="{D0143FE7-ABA2-944E-98A3-8CB25F68ACC5}" dt="2024-11-20T08:39:10.416" v="367" actId="408"/>
          <ac:picMkLst>
            <pc:docMk/>
            <pc:sldMk cId="3535925220" sldId="258"/>
            <ac:picMk id="2050" creationId="{A85A82FB-FB3D-E08B-EAC0-F157889152C8}"/>
          </ac:picMkLst>
        </pc:picChg>
        <pc:picChg chg="add mod">
          <ac:chgData name="Eve Hoggan" userId="3f91a428-7736-496e-8ecc-061dff736df5" providerId="ADAL" clId="{D0143FE7-ABA2-944E-98A3-8CB25F68ACC5}" dt="2024-11-20T08:39:10.416" v="367" actId="408"/>
          <ac:picMkLst>
            <pc:docMk/>
            <pc:sldMk cId="3535925220" sldId="258"/>
            <ac:picMk id="2052" creationId="{3630F596-1733-9B59-6CF6-4DEFFA44F1E8}"/>
          </ac:picMkLst>
        </pc:picChg>
      </pc:sldChg>
      <pc:sldChg chg="del">
        <pc:chgData name="Eve Hoggan" userId="3f91a428-7736-496e-8ecc-061dff736df5" providerId="ADAL" clId="{D0143FE7-ABA2-944E-98A3-8CB25F68ACC5}" dt="2024-11-20T08:00:58.364" v="69" actId="2696"/>
        <pc:sldMkLst>
          <pc:docMk/>
          <pc:sldMk cId="2139698179" sldId="260"/>
        </pc:sldMkLst>
      </pc:sldChg>
      <pc:sldChg chg="modSp mod">
        <pc:chgData name="Eve Hoggan" userId="3f91a428-7736-496e-8ecc-061dff736df5" providerId="ADAL" clId="{D0143FE7-ABA2-944E-98A3-8CB25F68ACC5}" dt="2024-11-20T07:54:55.853" v="13" actId="20577"/>
        <pc:sldMkLst>
          <pc:docMk/>
          <pc:sldMk cId="948320703" sldId="261"/>
        </pc:sldMkLst>
        <pc:spChg chg="mod">
          <ac:chgData name="Eve Hoggan" userId="3f91a428-7736-496e-8ecc-061dff736df5" providerId="ADAL" clId="{D0143FE7-ABA2-944E-98A3-8CB25F68ACC5}" dt="2024-11-20T07:54:55.853" v="13" actId="20577"/>
          <ac:spMkLst>
            <pc:docMk/>
            <pc:sldMk cId="948320703" sldId="261"/>
            <ac:spMk id="2" creationId="{00000000-0000-0000-0000-000000000000}"/>
          </ac:spMkLst>
        </pc:spChg>
      </pc:sldChg>
      <pc:sldChg chg="modSp mod">
        <pc:chgData name="Eve Hoggan" userId="3f91a428-7736-496e-8ecc-061dff736df5" providerId="ADAL" clId="{D0143FE7-ABA2-944E-98A3-8CB25F68ACC5}" dt="2024-11-20T08:37:12.741" v="345" actId="20577"/>
        <pc:sldMkLst>
          <pc:docMk/>
          <pc:sldMk cId="2813365767" sldId="262"/>
        </pc:sldMkLst>
        <pc:spChg chg="mod">
          <ac:chgData name="Eve Hoggan" userId="3f91a428-7736-496e-8ecc-061dff736df5" providerId="ADAL" clId="{D0143FE7-ABA2-944E-98A3-8CB25F68ACC5}" dt="2024-11-20T07:55:22.738" v="67" actId="20577"/>
          <ac:spMkLst>
            <pc:docMk/>
            <pc:sldMk cId="2813365767" sldId="262"/>
            <ac:spMk id="3" creationId="{00000000-0000-0000-0000-000000000000}"/>
          </ac:spMkLst>
        </pc:spChg>
        <pc:spChg chg="mod">
          <ac:chgData name="Eve Hoggan" userId="3f91a428-7736-496e-8ecc-061dff736df5" providerId="ADAL" clId="{D0143FE7-ABA2-944E-98A3-8CB25F68ACC5}" dt="2024-11-20T08:37:12.741" v="345" actId="20577"/>
          <ac:spMkLst>
            <pc:docMk/>
            <pc:sldMk cId="2813365767" sldId="262"/>
            <ac:spMk id="5" creationId="{00000000-0000-0000-0000-000000000000}"/>
          </ac:spMkLst>
        </pc:spChg>
      </pc:sldChg>
      <pc:sldChg chg="del">
        <pc:chgData name="Eve Hoggan" userId="3f91a428-7736-496e-8ecc-061dff736df5" providerId="ADAL" clId="{D0143FE7-ABA2-944E-98A3-8CB25F68ACC5}" dt="2024-11-20T08:53:54.553" v="589" actId="2696"/>
        <pc:sldMkLst>
          <pc:docMk/>
          <pc:sldMk cId="1186159921" sldId="264"/>
        </pc:sldMkLst>
      </pc:sldChg>
      <pc:sldChg chg="addSp modSp new mod modClrScheme chgLayout">
        <pc:chgData name="Eve Hoggan" userId="3f91a428-7736-496e-8ecc-061dff736df5" providerId="ADAL" clId="{D0143FE7-ABA2-944E-98A3-8CB25F68ACC5}" dt="2024-11-20T08:43:12.252" v="411" actId="20577"/>
        <pc:sldMkLst>
          <pc:docMk/>
          <pc:sldMk cId="1654016532" sldId="265"/>
        </pc:sldMkLst>
        <pc:spChg chg="mod ord">
          <ac:chgData name="Eve Hoggan" userId="3f91a428-7736-496e-8ecc-061dff736df5" providerId="ADAL" clId="{D0143FE7-ABA2-944E-98A3-8CB25F68ACC5}" dt="2024-11-20T08:42:13.362" v="397" actId="14100"/>
          <ac:spMkLst>
            <pc:docMk/>
            <pc:sldMk cId="1654016532" sldId="265"/>
            <ac:spMk id="2" creationId="{61EE8555-41EA-34D1-EA4C-13D4A2AAEB0B}"/>
          </ac:spMkLst>
        </pc:spChg>
        <pc:spChg chg="mod ord">
          <ac:chgData name="Eve Hoggan" userId="3f91a428-7736-496e-8ecc-061dff736df5" providerId="ADAL" clId="{D0143FE7-ABA2-944E-98A3-8CB25F68ACC5}" dt="2024-11-20T08:43:12.252" v="411" actId="20577"/>
          <ac:spMkLst>
            <pc:docMk/>
            <pc:sldMk cId="1654016532" sldId="265"/>
            <ac:spMk id="3" creationId="{62DD001F-0F2A-D25A-8432-B23A4DED750E}"/>
          </ac:spMkLst>
        </pc:spChg>
        <pc:spChg chg="mod ord">
          <ac:chgData name="Eve Hoggan" userId="3f91a428-7736-496e-8ecc-061dff736df5" providerId="ADAL" clId="{D0143FE7-ABA2-944E-98A3-8CB25F68ACC5}" dt="2024-11-20T08:42:04.937" v="396" actId="700"/>
          <ac:spMkLst>
            <pc:docMk/>
            <pc:sldMk cId="1654016532" sldId="265"/>
            <ac:spMk id="4" creationId="{4DDCFCDA-3636-ACCB-9EF5-DAB80046BB8E}"/>
          </ac:spMkLst>
        </pc:spChg>
        <pc:picChg chg="add mod">
          <ac:chgData name="Eve Hoggan" userId="3f91a428-7736-496e-8ecc-061dff736df5" providerId="ADAL" clId="{D0143FE7-ABA2-944E-98A3-8CB25F68ACC5}" dt="2024-11-20T08:41:45.769" v="395" actId="1076"/>
          <ac:picMkLst>
            <pc:docMk/>
            <pc:sldMk cId="1654016532" sldId="265"/>
            <ac:picMk id="5" creationId="{95CBECBC-DD9C-3D00-A45D-B67D616FE2E8}"/>
          </ac:picMkLst>
        </pc:picChg>
      </pc:sldChg>
      <pc:sldChg chg="addSp modSp new mod modClrScheme chgLayout">
        <pc:chgData name="Eve Hoggan" userId="3f91a428-7736-496e-8ecc-061dff736df5" providerId="ADAL" clId="{D0143FE7-ABA2-944E-98A3-8CB25F68ACC5}" dt="2024-11-20T08:47:21.643" v="487" actId="255"/>
        <pc:sldMkLst>
          <pc:docMk/>
          <pc:sldMk cId="3789200936" sldId="266"/>
        </pc:sldMkLst>
        <pc:spChg chg="mod ord">
          <ac:chgData name="Eve Hoggan" userId="3f91a428-7736-496e-8ecc-061dff736df5" providerId="ADAL" clId="{D0143FE7-ABA2-944E-98A3-8CB25F68ACC5}" dt="2024-11-20T08:44:06.462" v="415" actId="14100"/>
          <ac:spMkLst>
            <pc:docMk/>
            <pc:sldMk cId="3789200936" sldId="266"/>
            <ac:spMk id="2" creationId="{49A44D5A-ADCA-BB7D-8B5C-EDE1320A47AE}"/>
          </ac:spMkLst>
        </pc:spChg>
        <pc:spChg chg="mod ord">
          <ac:chgData name="Eve Hoggan" userId="3f91a428-7736-496e-8ecc-061dff736df5" providerId="ADAL" clId="{D0143FE7-ABA2-944E-98A3-8CB25F68ACC5}" dt="2024-11-20T08:47:21.643" v="487" actId="255"/>
          <ac:spMkLst>
            <pc:docMk/>
            <pc:sldMk cId="3789200936" sldId="266"/>
            <ac:spMk id="3" creationId="{0BA65681-E092-A05B-C293-FD4026998803}"/>
          </ac:spMkLst>
        </pc:spChg>
        <pc:spChg chg="mod ord">
          <ac:chgData name="Eve Hoggan" userId="3f91a428-7736-496e-8ecc-061dff736df5" providerId="ADAL" clId="{D0143FE7-ABA2-944E-98A3-8CB25F68ACC5}" dt="2024-11-20T08:43:52.086" v="413" actId="700"/>
          <ac:spMkLst>
            <pc:docMk/>
            <pc:sldMk cId="3789200936" sldId="266"/>
            <ac:spMk id="4" creationId="{85CC7EE7-CE7A-9B20-0BA7-C167E1DCE666}"/>
          </ac:spMkLst>
        </pc:spChg>
        <pc:picChg chg="add mod">
          <ac:chgData name="Eve Hoggan" userId="3f91a428-7736-496e-8ecc-061dff736df5" providerId="ADAL" clId="{D0143FE7-ABA2-944E-98A3-8CB25F68ACC5}" dt="2024-11-20T08:44:02.745" v="414" actId="1076"/>
          <ac:picMkLst>
            <pc:docMk/>
            <pc:sldMk cId="3789200936" sldId="266"/>
            <ac:picMk id="5" creationId="{AD8F698C-A6D0-FD7C-4435-C7E4CA1C5C22}"/>
          </ac:picMkLst>
        </pc:picChg>
      </pc:sldChg>
      <pc:sldChg chg="addSp modSp new mod">
        <pc:chgData name="Eve Hoggan" userId="3f91a428-7736-496e-8ecc-061dff736df5" providerId="ADAL" clId="{D0143FE7-ABA2-944E-98A3-8CB25F68ACC5}" dt="2024-11-20T08:49:12.762" v="503" actId="20577"/>
        <pc:sldMkLst>
          <pc:docMk/>
          <pc:sldMk cId="3142817738" sldId="267"/>
        </pc:sldMkLst>
        <pc:spChg chg="mod">
          <ac:chgData name="Eve Hoggan" userId="3f91a428-7736-496e-8ecc-061dff736df5" providerId="ADAL" clId="{D0143FE7-ABA2-944E-98A3-8CB25F68ACC5}" dt="2024-11-20T08:29:47.901" v="229" actId="20577"/>
          <ac:spMkLst>
            <pc:docMk/>
            <pc:sldMk cId="3142817738" sldId="267"/>
            <ac:spMk id="2" creationId="{ED2AAF72-7BEE-DE89-6DB2-2BEEE04EB76D}"/>
          </ac:spMkLst>
        </pc:spChg>
        <pc:spChg chg="mod">
          <ac:chgData name="Eve Hoggan" userId="3f91a428-7736-496e-8ecc-061dff736df5" providerId="ADAL" clId="{D0143FE7-ABA2-944E-98A3-8CB25F68ACC5}" dt="2024-11-20T08:49:12.762" v="503" actId="20577"/>
          <ac:spMkLst>
            <pc:docMk/>
            <pc:sldMk cId="3142817738" sldId="267"/>
            <ac:spMk id="3" creationId="{7193195B-9EAF-2DF3-03A4-3F23391C5AF4}"/>
          </ac:spMkLst>
        </pc:spChg>
        <pc:spChg chg="add">
          <ac:chgData name="Eve Hoggan" userId="3f91a428-7736-496e-8ecc-061dff736df5" providerId="ADAL" clId="{D0143FE7-ABA2-944E-98A3-8CB25F68ACC5}" dt="2024-11-20T08:30:21.991" v="235"/>
          <ac:spMkLst>
            <pc:docMk/>
            <pc:sldMk cId="3142817738" sldId="267"/>
            <ac:spMk id="5" creationId="{5F0ABA19-E8D1-F338-CE16-D04B96F65944}"/>
          </ac:spMkLst>
        </pc:spChg>
        <pc:picChg chg="add mod">
          <ac:chgData name="Eve Hoggan" userId="3f91a428-7736-496e-8ecc-061dff736df5" providerId="ADAL" clId="{D0143FE7-ABA2-944E-98A3-8CB25F68ACC5}" dt="2024-11-20T08:47:57.071" v="491" actId="1076"/>
          <ac:picMkLst>
            <pc:docMk/>
            <pc:sldMk cId="3142817738" sldId="267"/>
            <ac:picMk id="6" creationId="{D72ECC36-47E9-D213-20A8-1F87E537674D}"/>
          </ac:picMkLst>
        </pc:picChg>
        <pc:picChg chg="add mod">
          <ac:chgData name="Eve Hoggan" userId="3f91a428-7736-496e-8ecc-061dff736df5" providerId="ADAL" clId="{D0143FE7-ABA2-944E-98A3-8CB25F68ACC5}" dt="2024-11-20T08:48:01.830" v="492" actId="1076"/>
          <ac:picMkLst>
            <pc:docMk/>
            <pc:sldMk cId="3142817738" sldId="267"/>
            <ac:picMk id="7" creationId="{A4346F6A-0E39-834B-D14A-587C7B7E1AC2}"/>
          </ac:picMkLst>
        </pc:picChg>
        <pc:picChg chg="add mod">
          <ac:chgData name="Eve Hoggan" userId="3f91a428-7736-496e-8ecc-061dff736df5" providerId="ADAL" clId="{D0143FE7-ABA2-944E-98A3-8CB25F68ACC5}" dt="2024-11-20T08:49:05.749" v="502" actId="1076"/>
          <ac:picMkLst>
            <pc:docMk/>
            <pc:sldMk cId="3142817738" sldId="267"/>
            <ac:picMk id="8" creationId="{72374168-1080-277F-4B11-B497F370858B}"/>
          </ac:picMkLst>
        </pc:picChg>
        <pc:picChg chg="add mod">
          <ac:chgData name="Eve Hoggan" userId="3f91a428-7736-496e-8ecc-061dff736df5" providerId="ADAL" clId="{D0143FE7-ABA2-944E-98A3-8CB25F68ACC5}" dt="2024-11-20T08:49:01.456" v="501" actId="1076"/>
          <ac:picMkLst>
            <pc:docMk/>
            <pc:sldMk cId="3142817738" sldId="267"/>
            <ac:picMk id="9" creationId="{2CCC27CB-B490-611D-1068-85C7492A2561}"/>
          </ac:picMkLst>
        </pc:picChg>
        <pc:picChg chg="add mod">
          <ac:chgData name="Eve Hoggan" userId="3f91a428-7736-496e-8ecc-061dff736df5" providerId="ADAL" clId="{D0143FE7-ABA2-944E-98A3-8CB25F68ACC5}" dt="2024-11-20T08:48:56.731" v="500" actId="1076"/>
          <ac:picMkLst>
            <pc:docMk/>
            <pc:sldMk cId="3142817738" sldId="267"/>
            <ac:picMk id="10" creationId="{0E4F22D6-6DCE-7D52-6BAA-1D16E5040F49}"/>
          </ac:picMkLst>
        </pc:picChg>
        <pc:picChg chg="add">
          <ac:chgData name="Eve Hoggan" userId="3f91a428-7736-496e-8ecc-061dff736df5" providerId="ADAL" clId="{D0143FE7-ABA2-944E-98A3-8CB25F68ACC5}" dt="2024-11-20T08:30:21.991" v="235"/>
          <ac:picMkLst>
            <pc:docMk/>
            <pc:sldMk cId="3142817738" sldId="267"/>
            <ac:picMk id="3074" creationId="{EBE18D50-3F98-6397-AB0A-17EEF3D41F78}"/>
          </ac:picMkLst>
        </pc:picChg>
      </pc:sldChg>
      <pc:sldChg chg="addSp delSp modSp new del mod">
        <pc:chgData name="Eve Hoggan" userId="3f91a428-7736-496e-8ecc-061dff736df5" providerId="ADAL" clId="{D0143FE7-ABA2-944E-98A3-8CB25F68ACC5}" dt="2024-11-20T08:59:29.362" v="591" actId="2696"/>
        <pc:sldMkLst>
          <pc:docMk/>
          <pc:sldMk cId="1429775279" sldId="268"/>
        </pc:sldMkLst>
        <pc:spChg chg="del mod">
          <ac:chgData name="Eve Hoggan" userId="3f91a428-7736-496e-8ecc-061dff736df5" providerId="ADAL" clId="{D0143FE7-ABA2-944E-98A3-8CB25F68ACC5}" dt="2024-11-20T08:07:05.049" v="91" actId="478"/>
          <ac:spMkLst>
            <pc:docMk/>
            <pc:sldMk cId="1429775279" sldId="268"/>
            <ac:spMk id="3" creationId="{C048413D-D3A0-13F3-FAF2-E2AB423B5255}"/>
          </ac:spMkLst>
        </pc:spChg>
        <pc:picChg chg="add mod">
          <ac:chgData name="Eve Hoggan" userId="3f91a428-7736-496e-8ecc-061dff736df5" providerId="ADAL" clId="{D0143FE7-ABA2-944E-98A3-8CB25F68ACC5}" dt="2024-11-20T08:08:05.364" v="99" actId="571"/>
          <ac:picMkLst>
            <pc:docMk/>
            <pc:sldMk cId="1429775279" sldId="268"/>
            <ac:picMk id="5" creationId="{C111455D-FA78-62FF-5488-A72F0990917A}"/>
          </ac:picMkLst>
        </pc:picChg>
        <pc:picChg chg="add mod">
          <ac:chgData name="Eve Hoggan" userId="3f91a428-7736-496e-8ecc-061dff736df5" providerId="ADAL" clId="{D0143FE7-ABA2-944E-98A3-8CB25F68ACC5}" dt="2024-11-20T08:06:30.655" v="87" actId="1076"/>
          <ac:picMkLst>
            <pc:docMk/>
            <pc:sldMk cId="1429775279" sldId="268"/>
            <ac:picMk id="1026" creationId="{33930310-7736-646D-5D61-D139F889375D}"/>
          </ac:picMkLst>
        </pc:picChg>
        <pc:picChg chg="add mod">
          <ac:chgData name="Eve Hoggan" userId="3f91a428-7736-496e-8ecc-061dff736df5" providerId="ADAL" clId="{D0143FE7-ABA2-944E-98A3-8CB25F68ACC5}" dt="2024-11-20T08:07:07.588" v="92" actId="1076"/>
          <ac:picMkLst>
            <pc:docMk/>
            <pc:sldMk cId="1429775279" sldId="268"/>
            <ac:picMk id="1028" creationId="{68C50AE7-0CD8-3D4B-B63A-611E001A962E}"/>
          </ac:picMkLst>
        </pc:picChg>
        <pc:picChg chg="add mod">
          <ac:chgData name="Eve Hoggan" userId="3f91a428-7736-496e-8ecc-061dff736df5" providerId="ADAL" clId="{D0143FE7-ABA2-944E-98A3-8CB25F68ACC5}" dt="2024-11-20T08:08:03.814" v="98" actId="14100"/>
          <ac:picMkLst>
            <pc:docMk/>
            <pc:sldMk cId="1429775279" sldId="268"/>
            <ac:picMk id="1030" creationId="{6F902A7B-D3D7-34A1-C97A-EC8719C04A3D}"/>
          </ac:picMkLst>
        </pc:picChg>
        <pc:picChg chg="add del mod">
          <ac:chgData name="Eve Hoggan" userId="3f91a428-7736-496e-8ecc-061dff736df5" providerId="ADAL" clId="{D0143FE7-ABA2-944E-98A3-8CB25F68ACC5}" dt="2024-11-20T08:08:08.064" v="100" actId="478"/>
          <ac:picMkLst>
            <pc:docMk/>
            <pc:sldMk cId="1429775279" sldId="268"/>
            <ac:picMk id="1032" creationId="{DCFF09A1-EB61-79CD-3132-71BA5D3EB527}"/>
          </ac:picMkLst>
        </pc:picChg>
        <pc:picChg chg="add mod">
          <ac:chgData name="Eve Hoggan" userId="3f91a428-7736-496e-8ecc-061dff736df5" providerId="ADAL" clId="{D0143FE7-ABA2-944E-98A3-8CB25F68ACC5}" dt="2024-11-20T08:08:38.599" v="103" actId="1076"/>
          <ac:picMkLst>
            <pc:docMk/>
            <pc:sldMk cId="1429775279" sldId="268"/>
            <ac:picMk id="1034" creationId="{CD0A0138-1DBC-0C34-E131-56697703836A}"/>
          </ac:picMkLst>
        </pc:picChg>
        <pc:picChg chg="add">
          <ac:chgData name="Eve Hoggan" userId="3f91a428-7736-496e-8ecc-061dff736df5" providerId="ADAL" clId="{D0143FE7-ABA2-944E-98A3-8CB25F68ACC5}" dt="2024-11-20T08:11:08.152" v="104"/>
          <ac:picMkLst>
            <pc:docMk/>
            <pc:sldMk cId="1429775279" sldId="268"/>
            <ac:picMk id="1036" creationId="{04FC4D22-BB2A-8A97-5661-7D7A9D14F2AC}"/>
          </ac:picMkLst>
        </pc:picChg>
        <pc:picChg chg="add mod">
          <ac:chgData name="Eve Hoggan" userId="3f91a428-7736-496e-8ecc-061dff736df5" providerId="ADAL" clId="{D0143FE7-ABA2-944E-98A3-8CB25F68ACC5}" dt="2024-11-20T08:11:30.155" v="106" actId="14100"/>
          <ac:picMkLst>
            <pc:docMk/>
            <pc:sldMk cId="1429775279" sldId="268"/>
            <ac:picMk id="1038" creationId="{AFA5C391-C678-50EB-E6B0-0D2BCDC5F491}"/>
          </ac:picMkLst>
        </pc:picChg>
        <pc:picChg chg="add">
          <ac:chgData name="Eve Hoggan" userId="3f91a428-7736-496e-8ecc-061dff736df5" providerId="ADAL" clId="{D0143FE7-ABA2-944E-98A3-8CB25F68ACC5}" dt="2024-11-20T08:23:30.982" v="107"/>
          <ac:picMkLst>
            <pc:docMk/>
            <pc:sldMk cId="1429775279" sldId="268"/>
            <ac:picMk id="1040" creationId="{5F560994-784A-4E06-8981-335D4966811B}"/>
          </ac:picMkLst>
        </pc:picChg>
      </pc:sldChg>
      <pc:sldChg chg="addSp modSp new mod">
        <pc:chgData name="Eve Hoggan" userId="3f91a428-7736-496e-8ecc-061dff736df5" providerId="ADAL" clId="{D0143FE7-ABA2-944E-98A3-8CB25F68ACC5}" dt="2024-11-20T08:50:06.582" v="508" actId="1076"/>
        <pc:sldMkLst>
          <pc:docMk/>
          <pc:sldMk cId="3299454828" sldId="269"/>
        </pc:sldMkLst>
        <pc:spChg chg="mod">
          <ac:chgData name="Eve Hoggan" userId="3f91a428-7736-496e-8ecc-061dff736df5" providerId="ADAL" clId="{D0143FE7-ABA2-944E-98A3-8CB25F68ACC5}" dt="2024-11-20T08:30:54.471" v="252" actId="20577"/>
          <ac:spMkLst>
            <pc:docMk/>
            <pc:sldMk cId="3299454828" sldId="269"/>
            <ac:spMk id="2" creationId="{C7B1CC14-A71D-4370-20C1-1B3C15EB4CFB}"/>
          </ac:spMkLst>
        </pc:spChg>
        <pc:spChg chg="mod">
          <ac:chgData name="Eve Hoggan" userId="3f91a428-7736-496e-8ecc-061dff736df5" providerId="ADAL" clId="{D0143FE7-ABA2-944E-98A3-8CB25F68ACC5}" dt="2024-11-20T08:32:37.612" v="268"/>
          <ac:spMkLst>
            <pc:docMk/>
            <pc:sldMk cId="3299454828" sldId="269"/>
            <ac:spMk id="3" creationId="{99C50113-EF83-7845-6973-C73C13F5280D}"/>
          </ac:spMkLst>
        </pc:spChg>
        <pc:picChg chg="add mod">
          <ac:chgData name="Eve Hoggan" userId="3f91a428-7736-496e-8ecc-061dff736df5" providerId="ADAL" clId="{D0143FE7-ABA2-944E-98A3-8CB25F68ACC5}" dt="2024-11-20T08:50:06.582" v="508" actId="1076"/>
          <ac:picMkLst>
            <pc:docMk/>
            <pc:sldMk cId="3299454828" sldId="269"/>
            <ac:picMk id="5" creationId="{BADE0D6E-E585-7616-2687-2EA0BCE663FE}"/>
          </ac:picMkLst>
        </pc:picChg>
        <pc:picChg chg="add mod">
          <ac:chgData name="Eve Hoggan" userId="3f91a428-7736-496e-8ecc-061dff736df5" providerId="ADAL" clId="{D0143FE7-ABA2-944E-98A3-8CB25F68ACC5}" dt="2024-11-20T08:50:02.434" v="507" actId="1076"/>
          <ac:picMkLst>
            <pc:docMk/>
            <pc:sldMk cId="3299454828" sldId="269"/>
            <ac:picMk id="6" creationId="{A2E91276-7F8C-DA7E-1A02-FDC6F25B8960}"/>
          </ac:picMkLst>
        </pc:picChg>
        <pc:picChg chg="add mod">
          <ac:chgData name="Eve Hoggan" userId="3f91a428-7736-496e-8ecc-061dff736df5" providerId="ADAL" clId="{D0143FE7-ABA2-944E-98A3-8CB25F68ACC5}" dt="2024-11-20T08:49:30.992" v="504" actId="1076"/>
          <ac:picMkLst>
            <pc:docMk/>
            <pc:sldMk cId="3299454828" sldId="269"/>
            <ac:picMk id="4098" creationId="{D6206648-1851-D0F9-510D-23B70498D7AB}"/>
          </ac:picMkLst>
        </pc:picChg>
      </pc:sldChg>
      <pc:sldChg chg="addSp modSp new mod ord modClrScheme chgLayout">
        <pc:chgData name="Eve Hoggan" userId="3f91a428-7736-496e-8ecc-061dff736df5" providerId="ADAL" clId="{D0143FE7-ABA2-944E-98A3-8CB25F68ACC5}" dt="2024-11-20T08:54:08.897" v="590" actId="20578"/>
        <pc:sldMkLst>
          <pc:docMk/>
          <pc:sldMk cId="960597892" sldId="270"/>
        </pc:sldMkLst>
        <pc:spChg chg="mod ord">
          <ac:chgData name="Eve Hoggan" userId="3f91a428-7736-496e-8ecc-061dff736df5" providerId="ADAL" clId="{D0143FE7-ABA2-944E-98A3-8CB25F68ACC5}" dt="2024-11-20T08:50:36.996" v="514" actId="20577"/>
          <ac:spMkLst>
            <pc:docMk/>
            <pc:sldMk cId="960597892" sldId="270"/>
            <ac:spMk id="2" creationId="{5B8BD79B-5540-91E4-827E-5213B49972DC}"/>
          </ac:spMkLst>
        </pc:spChg>
        <pc:spChg chg="mod ord">
          <ac:chgData name="Eve Hoggan" userId="3f91a428-7736-496e-8ecc-061dff736df5" providerId="ADAL" clId="{D0143FE7-ABA2-944E-98A3-8CB25F68ACC5}" dt="2024-11-20T08:51:52.235" v="538" actId="20577"/>
          <ac:spMkLst>
            <pc:docMk/>
            <pc:sldMk cId="960597892" sldId="270"/>
            <ac:spMk id="3" creationId="{65D9D267-E320-306A-40A3-ECCA2C357C22}"/>
          </ac:spMkLst>
        </pc:spChg>
        <pc:spChg chg="mod ord">
          <ac:chgData name="Eve Hoggan" userId="3f91a428-7736-496e-8ecc-061dff736df5" providerId="ADAL" clId="{D0143FE7-ABA2-944E-98A3-8CB25F68ACC5}" dt="2024-11-20T08:50:34.838" v="513" actId="700"/>
          <ac:spMkLst>
            <pc:docMk/>
            <pc:sldMk cId="960597892" sldId="270"/>
            <ac:spMk id="4" creationId="{0113478F-7F6E-8383-979D-025DB9FD95D3}"/>
          </ac:spMkLst>
        </pc:spChg>
        <pc:picChg chg="add mod">
          <ac:chgData name="Eve Hoggan" userId="3f91a428-7736-496e-8ecc-061dff736df5" providerId="ADAL" clId="{D0143FE7-ABA2-944E-98A3-8CB25F68ACC5}" dt="2024-11-20T08:50:24.474" v="510" actId="1076"/>
          <ac:picMkLst>
            <pc:docMk/>
            <pc:sldMk cId="960597892" sldId="270"/>
            <ac:picMk id="5" creationId="{112AEF88-32DC-6057-699F-26CED27189A5}"/>
          </ac:picMkLst>
        </pc:picChg>
      </pc:sldChg>
      <pc:sldChg chg="modSp new del mod">
        <pc:chgData name="Eve Hoggan" userId="3f91a428-7736-496e-8ecc-061dff736df5" providerId="ADAL" clId="{D0143FE7-ABA2-944E-98A3-8CB25F68ACC5}" dt="2024-11-20T08:34:50.425" v="274" actId="2696"/>
        <pc:sldMkLst>
          <pc:docMk/>
          <pc:sldMk cId="3938935420" sldId="271"/>
        </pc:sldMkLst>
        <pc:spChg chg="mod">
          <ac:chgData name="Eve Hoggan" userId="3f91a428-7736-496e-8ecc-061dff736df5" providerId="ADAL" clId="{D0143FE7-ABA2-944E-98A3-8CB25F68ACC5}" dt="2024-11-20T08:34:48.532" v="273" actId="5793"/>
          <ac:spMkLst>
            <pc:docMk/>
            <pc:sldMk cId="3938935420" sldId="271"/>
            <ac:spMk id="3" creationId="{21FD08FC-EE1D-11F0-8628-C1BF407851A7}"/>
          </ac:spMkLst>
        </pc:spChg>
      </pc:sldChg>
      <pc:sldChg chg="addSp delSp modSp new mod modClrScheme chgLayout">
        <pc:chgData name="Eve Hoggan" userId="3f91a428-7736-496e-8ecc-061dff736df5" providerId="ADAL" clId="{D0143FE7-ABA2-944E-98A3-8CB25F68ACC5}" dt="2024-11-20T08:53:44.695" v="588" actId="20577"/>
        <pc:sldMkLst>
          <pc:docMk/>
          <pc:sldMk cId="4230079583" sldId="271"/>
        </pc:sldMkLst>
        <pc:spChg chg="del mod ord">
          <ac:chgData name="Eve Hoggan" userId="3f91a428-7736-496e-8ecc-061dff736df5" providerId="ADAL" clId="{D0143FE7-ABA2-944E-98A3-8CB25F68ACC5}" dt="2024-11-20T08:52:04.391" v="539" actId="700"/>
          <ac:spMkLst>
            <pc:docMk/>
            <pc:sldMk cId="4230079583" sldId="271"/>
            <ac:spMk id="2" creationId="{E4810B65-9048-CCD5-557F-0391C9A060C3}"/>
          </ac:spMkLst>
        </pc:spChg>
        <pc:spChg chg="mod ord">
          <ac:chgData name="Eve Hoggan" userId="3f91a428-7736-496e-8ecc-061dff736df5" providerId="ADAL" clId="{D0143FE7-ABA2-944E-98A3-8CB25F68ACC5}" dt="2024-11-20T08:53:44.695" v="588" actId="20577"/>
          <ac:spMkLst>
            <pc:docMk/>
            <pc:sldMk cId="4230079583" sldId="271"/>
            <ac:spMk id="3" creationId="{FB472985-E293-F949-6C2D-A54899ED8001}"/>
          </ac:spMkLst>
        </pc:spChg>
        <pc:spChg chg="mod ord">
          <ac:chgData name="Eve Hoggan" userId="3f91a428-7736-496e-8ecc-061dff736df5" providerId="ADAL" clId="{D0143FE7-ABA2-944E-98A3-8CB25F68ACC5}" dt="2024-11-20T08:52:04.391" v="539" actId="700"/>
          <ac:spMkLst>
            <pc:docMk/>
            <pc:sldMk cId="4230079583" sldId="271"/>
            <ac:spMk id="4" creationId="{C53994A4-3C02-E1B2-F6F6-5A60FABA556E}"/>
          </ac:spMkLst>
        </pc:spChg>
        <pc:spChg chg="add mod ord">
          <ac:chgData name="Eve Hoggan" userId="3f91a428-7736-496e-8ecc-061dff736df5" providerId="ADAL" clId="{D0143FE7-ABA2-944E-98A3-8CB25F68ACC5}" dt="2024-11-20T08:52:38.977" v="546" actId="14100"/>
          <ac:spMkLst>
            <pc:docMk/>
            <pc:sldMk cId="4230079583" sldId="271"/>
            <ac:spMk id="5" creationId="{DB8A443C-0401-3489-94E1-2DF31724A2E0}"/>
          </ac:spMkLst>
        </pc:spChg>
        <pc:picChg chg="add mod">
          <ac:chgData name="Eve Hoggan" userId="3f91a428-7736-496e-8ecc-061dff736df5" providerId="ADAL" clId="{D0143FE7-ABA2-944E-98A3-8CB25F68ACC5}" dt="2024-11-20T08:52:41.134" v="548" actId="1038"/>
          <ac:picMkLst>
            <pc:docMk/>
            <pc:sldMk cId="4230079583" sldId="271"/>
            <ac:picMk id="6" creationId="{8DC3DB25-D53A-2C24-DFBD-4A8245BA53A0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November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e Hogga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16098790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November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e Hogga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897303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Nov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e Hogga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8373358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 dirty="0"/>
              <a:t>21/11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1558954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ve Hogga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1 Nov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0/11/2024</a:t>
            </a:fld>
            <a:r>
              <a:rPr lang="en-GB"/>
              <a:t>21/11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4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image" Target="../media/image13.jpeg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1.jpeg"/><Relationship Id="rId5" Type="http://schemas.openxmlformats.org/officeDocument/2006/relationships/image" Target="../media/image20.jpeg"/><Relationship Id="rId4" Type="http://schemas.openxmlformats.org/officeDocument/2006/relationships/image" Target="../media/image19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6.jpe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GB" dirty="0" err="1"/>
              <a:t>CoCHI</a:t>
            </a:r>
            <a:r>
              <a:rPr lang="en-GB" dirty="0"/>
              <a:t> project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llaboration and computer-human interaction (</a:t>
            </a:r>
            <a:r>
              <a:rPr lang="en-GB" dirty="0" err="1"/>
              <a:t>CoCHI</a:t>
            </a:r>
            <a:r>
              <a:rPr lang="en-GB" dirty="0"/>
              <a:t>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Human-Computer Interaction research</a:t>
            </a:r>
          </a:p>
          <a:p>
            <a:endParaRPr lang="en-GB" dirty="0"/>
          </a:p>
          <a:p>
            <a:r>
              <a:rPr lang="en-GB" dirty="0"/>
              <a:t>We understand computers as mediators of human activity</a:t>
            </a:r>
          </a:p>
          <a:p>
            <a:endParaRPr lang="en-GB" dirty="0"/>
          </a:p>
          <a:p>
            <a:r>
              <a:rPr lang="en-GB" dirty="0"/>
              <a:t>We develop new interaction techniques, methods and theories for computer-mediated activities of work and everyday life</a:t>
            </a:r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ybrid Work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2704051"/>
          </a:xfrm>
        </p:spPr>
        <p:txBody>
          <a:bodyPr/>
          <a:lstStyle/>
          <a:p>
            <a:endParaRPr lang="en-GB" dirty="0"/>
          </a:p>
          <a:p>
            <a:r>
              <a:rPr lang="en-GB" dirty="0"/>
              <a:t>Exploring Multimodal Backchannel Communication in Hybrid Meetings</a:t>
            </a:r>
          </a:p>
          <a:p>
            <a:endParaRPr lang="en-GB" sz="1400" dirty="0"/>
          </a:p>
          <a:p>
            <a:r>
              <a:rPr lang="en-GB" dirty="0"/>
              <a:t>Multimodal Physical Computing Interfaces for Mobile Hybrid Meetings</a:t>
            </a:r>
          </a:p>
          <a:p>
            <a:endParaRPr lang="en-GB" sz="1400" dirty="0"/>
          </a:p>
          <a:p>
            <a:r>
              <a:rPr lang="en-GB" dirty="0"/>
              <a:t>Hybrid Meetings (lightweight interactions and multimodality)</a:t>
            </a:r>
          </a:p>
          <a:p>
            <a:endParaRPr lang="en-GB" sz="1400" dirty="0"/>
          </a:p>
          <a:p>
            <a:r>
              <a:rPr lang="en-GB" dirty="0"/>
              <a:t>Primary Room Dominance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pic>
        <p:nvPicPr>
          <p:cNvPr id="2050" name="Picture 2" descr="Eve Hoggan - Aarhus University">
            <a:extLst>
              <a:ext uri="{FF2B5EF4-FFF2-40B4-BE49-F238E27FC236}">
                <a16:creationId xmlns:a16="http://schemas.microsoft.com/office/drawing/2014/main" id="{A85A82FB-FB3D-E08B-EAC0-F157889152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48904" y="-3841"/>
            <a:ext cx="1080120" cy="13497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Jens Emil Grønbæk - Aarhus Universitet">
            <a:extLst>
              <a:ext uri="{FF2B5EF4-FFF2-40B4-BE49-F238E27FC236}">
                <a16:creationId xmlns:a16="http://schemas.microsoft.com/office/drawing/2014/main" id="{3630F596-1733-9B59-6CF6-4DEFFA44F1E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56113" y="-3841"/>
            <a:ext cx="1110140" cy="1353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10" descr="Julia Kleinau - Aarhus University">
            <a:extLst>
              <a:ext uri="{FF2B5EF4-FFF2-40B4-BE49-F238E27FC236}">
                <a16:creationId xmlns:a16="http://schemas.microsoft.com/office/drawing/2014/main" id="{5C3573FA-141E-324A-F49A-54124A254B3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9693342" y="-3841"/>
            <a:ext cx="902400" cy="1353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12" descr="ABOUT ME – Qianqian Mu">
            <a:extLst>
              <a:ext uri="{FF2B5EF4-FFF2-40B4-BE49-F238E27FC236}">
                <a16:creationId xmlns:a16="http://schemas.microsoft.com/office/drawing/2014/main" id="{457D9A50-EE29-140C-C9E2-4AA7CA8C37A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066" r="30527"/>
          <a:stretch/>
        </p:blipFill>
        <p:spPr bwMode="auto">
          <a:xfrm>
            <a:off x="10622832" y="-3841"/>
            <a:ext cx="1249081" cy="1353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0A86C103-4133-4624-5197-F612186676C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153873" y="4501482"/>
            <a:ext cx="5880080" cy="166806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EE8555-41EA-34D1-EA4C-13D4A2AAEB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149115"/>
            <a:ext cx="9882955" cy="1309328"/>
          </a:xfrm>
        </p:spPr>
        <p:txBody>
          <a:bodyPr/>
          <a:lstStyle/>
          <a:p>
            <a:r>
              <a:rPr lang="en-GB" dirty="0"/>
              <a:t>LLMs in computational notebook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DD001F-0F2A-D25A-8432-B23A4DED750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Computational notebooks such as </a:t>
            </a:r>
            <a:r>
              <a:rPr lang="en-GB" dirty="0" err="1"/>
              <a:t>Jupyter</a:t>
            </a:r>
            <a:r>
              <a:rPr lang="en-GB" dirty="0"/>
              <a:t> Notebook or Observable have become popular tools in for data processing or visualisation.</a:t>
            </a:r>
          </a:p>
          <a:p>
            <a:endParaRPr lang="en-GB" dirty="0"/>
          </a:p>
          <a:p>
            <a:r>
              <a:rPr lang="en-GB" dirty="0"/>
              <a:t>In this project, the students will explore different techniques for integrating interaction</a:t>
            </a:r>
          </a:p>
          <a:p>
            <a:r>
              <a:rPr lang="en-GB" dirty="0"/>
              <a:t>with an LLM directly into a notebook interface. </a:t>
            </a:r>
            <a:br>
              <a:rPr lang="en-GB" dirty="0"/>
            </a:br>
            <a:endParaRPr lang="en-GB" dirty="0"/>
          </a:p>
          <a:p>
            <a:r>
              <a:rPr lang="en-GB" dirty="0"/>
              <a:t>The ideation and prototyping will involve working with scientific users of computational notebooks. Hence, the bachelor project will require engaging in user-centred design as well as technical implementation of functional prototypes.</a:t>
            </a:r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DDCFCDA-3636-ACCB-9EF5-DAB80046BB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0E825C-729A-3740-BE64-9E311C5F5379}" type="datetime1">
              <a:rPr lang="en-GB" smtClean="0"/>
              <a:t>20/11/2024</a:t>
            </a:fld>
            <a:r>
              <a:rPr lang="en-GB"/>
              <a:t>21/11/2024</a:t>
            </a:r>
            <a:endParaRPr lang="en-GB" dirty="0"/>
          </a:p>
        </p:txBody>
      </p:sp>
      <p:pic>
        <p:nvPicPr>
          <p:cNvPr id="5" name="Picture 6" descr="Clemens Nylandsted Klokmose - Aarhus Universitet">
            <a:extLst>
              <a:ext uri="{FF2B5EF4-FFF2-40B4-BE49-F238E27FC236}">
                <a16:creationId xmlns:a16="http://schemas.microsoft.com/office/drawing/2014/main" id="{95CBECBC-DD9C-3D00-A45D-B67D616FE2E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21381" y="-19406"/>
            <a:ext cx="1083193" cy="1353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5401653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8BD79B-5540-91E4-827E-5213B49972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Violations of personal digital sovereignt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D9D267-E320-306A-40A3-ECCA2C357C2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Personal digital sovereignty consists of an individual’s independence, autonomy, and control in their relationship with data, software, and hardware:</a:t>
            </a:r>
          </a:p>
          <a:p>
            <a:pPr>
              <a:buNone/>
            </a:pPr>
            <a:endParaRPr lang="en-GB" dirty="0"/>
          </a:p>
          <a:p>
            <a:r>
              <a:rPr lang="en-GB" dirty="0"/>
              <a:t>In this project, the students will pick a profession (electronic musicians, patent clerks, communication consultants, architects, teachers, medical doctors...) and document when the participants' personal digital sovereignty is violated and what aspects of the software are a cause of this. </a:t>
            </a:r>
            <a:br>
              <a:rPr lang="en-GB" dirty="0"/>
            </a:br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13478F-7F6E-8383-979D-025DB9FD95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175BF8-6060-7545-8093-6ACB92954637}" type="datetime1">
              <a:rPr lang="en-GB" smtClean="0"/>
              <a:t>20/11/2024</a:t>
            </a:fld>
            <a:r>
              <a:rPr lang="en-GB"/>
              <a:t>21/11/2024</a:t>
            </a:r>
            <a:endParaRPr lang="en-GB" dirty="0"/>
          </a:p>
        </p:txBody>
      </p:sp>
      <p:pic>
        <p:nvPicPr>
          <p:cNvPr id="5" name="Picture 6" descr="Clemens Nylandsted Klokmose - Aarhus Universitet">
            <a:extLst>
              <a:ext uri="{FF2B5EF4-FFF2-40B4-BE49-F238E27FC236}">
                <a16:creationId xmlns:a16="http://schemas.microsoft.com/office/drawing/2014/main" id="{112AEF88-32DC-6057-699F-26CED27189A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64566" y="0"/>
            <a:ext cx="1083193" cy="1353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96059789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A44D5A-ADCA-BB7D-8B5C-EDE1320A47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149115"/>
            <a:ext cx="10350190" cy="1309328"/>
          </a:xfrm>
        </p:spPr>
        <p:txBody>
          <a:bodyPr/>
          <a:lstStyle/>
          <a:p>
            <a:r>
              <a:rPr lang="en-GB" dirty="0"/>
              <a:t>Physical and multimodal comput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BA65681-E092-A05B-C293-FD402699880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1600" dirty="0"/>
              <a:t>Vibrotactile Feedback for Mobile Text Entry</a:t>
            </a:r>
          </a:p>
          <a:p>
            <a:pPr lvl="1"/>
            <a:r>
              <a:rPr lang="en-GB" sz="1600" dirty="0"/>
              <a:t>run an experiment to compare devices with a physical keyboard, a basic touchscreen and a touchscreen with tactile feedback added. </a:t>
            </a:r>
          </a:p>
          <a:p>
            <a:br>
              <a:rPr lang="en-GB" sz="1600" dirty="0"/>
            </a:br>
            <a:r>
              <a:rPr lang="en-GB" sz="1600" dirty="0"/>
              <a:t>Unique Features = Unique Products</a:t>
            </a:r>
          </a:p>
          <a:p>
            <a:pPr lvl="1"/>
            <a:r>
              <a:rPr lang="en-GB" sz="1600" dirty="0"/>
              <a:t>develop scripted 3D model generation of computer peripherals ergonomically and custom designed for unique features </a:t>
            </a:r>
          </a:p>
          <a:p>
            <a:endParaRPr lang="en-GB" sz="1600" dirty="0"/>
          </a:p>
          <a:p>
            <a:r>
              <a:rPr lang="en-GB" sz="1600" dirty="0"/>
              <a:t>Exploring minimal social cues in artefact-inspired robots</a:t>
            </a:r>
          </a:p>
          <a:p>
            <a:pPr lvl="1"/>
            <a:r>
              <a:rPr lang="en-GB" sz="1600" dirty="0"/>
              <a:t>(</a:t>
            </a:r>
            <a:r>
              <a:rPr lang="en-GB" sz="1600" dirty="0" err="1"/>
              <a:t>Majken</a:t>
            </a:r>
            <a:r>
              <a:rPr lang="en-GB" sz="1600" dirty="0"/>
              <a:t> </a:t>
            </a:r>
            <a:r>
              <a:rPr lang="en-GB" sz="1600" dirty="0" err="1"/>
              <a:t>Kirkegård</a:t>
            </a:r>
            <a:r>
              <a:rPr lang="en-GB" sz="1600" dirty="0"/>
              <a:t> Rasmussen </a:t>
            </a:r>
            <a:r>
              <a:rPr lang="en-GB" sz="1600" dirty="0" err="1"/>
              <a:t>mkirkegaard@cc.au.dk</a:t>
            </a:r>
            <a:r>
              <a:rPr lang="en-GB" sz="1600" dirty="0"/>
              <a:t>)</a:t>
            </a:r>
            <a:br>
              <a:rPr lang="en-GB" sz="1600" dirty="0"/>
            </a:br>
            <a:endParaRPr lang="en-GB" sz="1600" dirty="0"/>
          </a:p>
          <a:p>
            <a:r>
              <a:rPr lang="en-GB" sz="1600" dirty="0"/>
              <a:t>The Future of Physical Computing</a:t>
            </a:r>
          </a:p>
          <a:p>
            <a:pPr lvl="1"/>
            <a:r>
              <a:rPr lang="en-GB" sz="1600" dirty="0"/>
              <a:t>didactically designing and user testing new learning designs and methods focusing on newer microcontrollers and surrounding technologi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5CC7EE7-CE7A-9B20-0BA7-C167E1DCE6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9CEB64-469A-4A4C-A78D-DCB8DED6B49D}" type="datetime1">
              <a:rPr lang="en-GB" smtClean="0"/>
              <a:t>20/11/2024</a:t>
            </a:fld>
            <a:r>
              <a:rPr lang="en-GB"/>
              <a:t>21/11/2024</a:t>
            </a:r>
            <a:endParaRPr lang="en-GB" dirty="0"/>
          </a:p>
        </p:txBody>
      </p:sp>
      <p:pic>
        <p:nvPicPr>
          <p:cNvPr id="5" name="Picture 2" descr="Eve Hoggan - Aarhus University">
            <a:extLst>
              <a:ext uri="{FF2B5EF4-FFF2-40B4-BE49-F238E27FC236}">
                <a16:creationId xmlns:a16="http://schemas.microsoft.com/office/drawing/2014/main" id="{AD8F698C-A6D0-FD7C-4435-C7E4CA1C5C2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66103" y="0"/>
            <a:ext cx="1080120" cy="13497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8920093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2AAF72-7BEE-DE89-6DB2-2BEEE04EB7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abric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93195B-9EAF-2DF3-03A4-3F23391C5AF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  <a:p>
            <a:r>
              <a:rPr lang="en-GB" dirty="0"/>
              <a:t>AI-Driven Design and Manufacturing: Leveraging LLMs for CAD, Slicing, and 3D Printing Automation</a:t>
            </a:r>
          </a:p>
          <a:p>
            <a:endParaRPr lang="en-GB" dirty="0"/>
          </a:p>
          <a:p>
            <a:r>
              <a:rPr lang="en-GB" dirty="0"/>
              <a:t>Interaction and Sensing with Oral User Interfaces</a:t>
            </a:r>
          </a:p>
          <a:p>
            <a:endParaRPr lang="en-GB" dirty="0"/>
          </a:p>
          <a:p>
            <a:r>
              <a:rPr lang="en-GB" dirty="0"/>
              <a:t>Haptic textures in 3D printing 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D17A66D-FD09-6090-A9CA-DCFB5D4FFB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BDD63-AD70-9E4D-BF51-0AF1A42F367A}" type="datetime1">
              <a:rPr lang="en-GB" smtClean="0"/>
              <a:t>20/11/2024</a:t>
            </a:fld>
            <a:r>
              <a:rPr lang="en-GB"/>
              <a:t>21/11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72ECC36-47E9-D213-20A8-1F87E537674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96" y="4034475"/>
            <a:ext cx="7772400" cy="183151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A4346F6A-0E39-834B-D14A-587C7B7E1AC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22196" y="4034475"/>
            <a:ext cx="3228870" cy="1828800"/>
          </a:xfrm>
          <a:prstGeom prst="rect">
            <a:avLst/>
          </a:prstGeom>
        </p:spPr>
      </p:pic>
      <p:pic>
        <p:nvPicPr>
          <p:cNvPr id="8" name="Picture 8" descr="Michael Wessely - Aarhus University">
            <a:extLst>
              <a:ext uri="{FF2B5EF4-FFF2-40B4-BE49-F238E27FC236}">
                <a16:creationId xmlns:a16="http://schemas.microsoft.com/office/drawing/2014/main" id="{72374168-1080-277F-4B11-B497F370858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22524" y="-11691"/>
            <a:ext cx="1350154" cy="1353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14" descr="Yijing Jiang - Aarhus Universitet">
            <a:extLst>
              <a:ext uri="{FF2B5EF4-FFF2-40B4-BE49-F238E27FC236}">
                <a16:creationId xmlns:a16="http://schemas.microsoft.com/office/drawing/2014/main" id="{2CCC27CB-B490-611D-1068-85C7492A256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14717" y="-6144"/>
            <a:ext cx="902400" cy="1353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16" descr="Doga Ozbek - Ph.D. Student &amp; Research Assistant - Aarhus University |  LinkedIn">
            <a:extLst>
              <a:ext uri="{FF2B5EF4-FFF2-40B4-BE49-F238E27FC236}">
                <a16:creationId xmlns:a16="http://schemas.microsoft.com/office/drawing/2014/main" id="{0E4F22D6-6DCE-7D52-6BAA-1D16E5040F4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41" r="27876"/>
          <a:stretch/>
        </p:blipFill>
        <p:spPr bwMode="auto">
          <a:xfrm>
            <a:off x="10829928" y="-11691"/>
            <a:ext cx="759140" cy="1353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4281773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B1CC14-A71D-4370-20C1-1B3C15EB4C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ixed realit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C50113-EF83-7845-6973-C73C13F5280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How can Mixed Reality blend different spaces for collaboration? </a:t>
            </a:r>
          </a:p>
          <a:p>
            <a:endParaRPr lang="en-GB" dirty="0"/>
          </a:p>
          <a:p>
            <a:r>
              <a:rPr lang="en-GB" dirty="0"/>
              <a:t>Mixed Reality Whiteboard Collaboration </a:t>
            </a:r>
          </a:p>
          <a:p>
            <a:endParaRPr lang="en-GB" dirty="0"/>
          </a:p>
          <a:p>
            <a:r>
              <a:rPr lang="en-GB" dirty="0"/>
              <a:t>Tracking paper with computer vision for </a:t>
            </a:r>
            <a:r>
              <a:rPr lang="en-GB" dirty="0" err="1"/>
              <a:t>Dynamicland</a:t>
            </a:r>
            <a:r>
              <a:rPr lang="en-GB" dirty="0"/>
              <a:t>-inspired ‘reverse augmented reality’ </a:t>
            </a:r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E37921-38DF-CB4A-4A63-35AED2D30B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36C68F-4FF0-7F4F-8D09-277DFC6EA501}" type="datetime1">
              <a:rPr lang="en-GB" smtClean="0"/>
              <a:t>20/11/2024</a:t>
            </a:fld>
            <a:r>
              <a:rPr lang="en-GB"/>
              <a:t>21/11/2024</a:t>
            </a:r>
            <a:endParaRPr lang="en-GB" dirty="0"/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D6206648-1851-D0F9-510D-23B70498D7A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17363" y="3633704"/>
            <a:ext cx="5753100" cy="2057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 descr="Jens Emil Grønbæk - Aarhus Universitet">
            <a:extLst>
              <a:ext uri="{FF2B5EF4-FFF2-40B4-BE49-F238E27FC236}">
                <a16:creationId xmlns:a16="http://schemas.microsoft.com/office/drawing/2014/main" id="{BADE0D6E-E585-7616-2687-2EA0BCE663F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30272" y="7790"/>
            <a:ext cx="1110140" cy="1353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6" descr="Clemens Nylandsted Klokmose - Aarhus Universitet">
            <a:extLst>
              <a:ext uri="{FF2B5EF4-FFF2-40B4-BE49-F238E27FC236}">
                <a16:creationId xmlns:a16="http://schemas.microsoft.com/office/drawing/2014/main" id="{A2E91276-7F8C-DA7E-1A02-FDC6F25B896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64566" y="-3841"/>
            <a:ext cx="1083193" cy="1353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994548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B8A443C-0401-3489-94E1-2DF31724A2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149115"/>
            <a:ext cx="10348653" cy="1309328"/>
          </a:xfrm>
        </p:spPr>
        <p:txBody>
          <a:bodyPr/>
          <a:lstStyle/>
          <a:p>
            <a:r>
              <a:rPr lang="en-GB" dirty="0"/>
              <a:t>A Case study of an IT development project in an organiz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472985-E293-F949-6C2D-A54899ED800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Students will conduct a systematic case study of an IT-development project in an</a:t>
            </a:r>
          </a:p>
          <a:p>
            <a:r>
              <a:rPr lang="en-GB" dirty="0"/>
              <a:t>organisation or company. </a:t>
            </a:r>
          </a:p>
          <a:p>
            <a:endParaRPr lang="en-GB" dirty="0"/>
          </a:p>
          <a:p>
            <a:r>
              <a:rPr lang="en-GB" dirty="0"/>
              <a:t>The purpose of this is twofold</a:t>
            </a:r>
          </a:p>
          <a:p>
            <a:pPr lvl="1"/>
            <a:r>
              <a:rPr lang="en-GB" dirty="0"/>
              <a:t>to learn something about systems development and about the specific project</a:t>
            </a:r>
          </a:p>
          <a:p>
            <a:pPr lvl="1"/>
            <a:r>
              <a:rPr lang="en-GB" dirty="0"/>
              <a:t>to learn to conduct a qualitative study in an organisational setting. </a:t>
            </a:r>
          </a:p>
          <a:p>
            <a:pPr lvl="1"/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53994A4-3C02-E1B2-F6F6-5A60FABA55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840C0E-5C91-2841-9AEF-1D649C931AE8}" type="datetime1">
              <a:rPr lang="en-GB" smtClean="0"/>
              <a:t>20/11/2024</a:t>
            </a:fld>
            <a:r>
              <a:rPr lang="en-GB"/>
              <a:t>21/11/2024</a:t>
            </a:r>
            <a:endParaRPr lang="en-GB" dirty="0"/>
          </a:p>
        </p:txBody>
      </p:sp>
      <p:pic>
        <p:nvPicPr>
          <p:cNvPr id="6" name="Picture 4" descr="Olav W. Bertelsen - Aarhus University">
            <a:extLst>
              <a:ext uri="{FF2B5EF4-FFF2-40B4-BE49-F238E27FC236}">
                <a16:creationId xmlns:a16="http://schemas.microsoft.com/office/drawing/2014/main" id="{8DC3DB25-D53A-2C24-DFBD-4A8245BA53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71859" y="0"/>
            <a:ext cx="1083193" cy="1353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3007958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41</Words>
  <Application>Microsoft Macintosh PowerPoint</Application>
  <PresentationFormat>Custom</PresentationFormat>
  <Paragraphs>65</Paragraphs>
  <Slides>9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6" baseType="lpstr">
      <vt:lpstr>Georgia</vt:lpstr>
      <vt:lpstr>Calibri</vt:lpstr>
      <vt:lpstr>AU Peto</vt:lpstr>
      <vt:lpstr>AU Passata</vt:lpstr>
      <vt:lpstr>Arial</vt:lpstr>
      <vt:lpstr>AU Passata Light</vt:lpstr>
      <vt:lpstr>AU 16:9</vt:lpstr>
      <vt:lpstr>CoCHI projects</vt:lpstr>
      <vt:lpstr>Collaboration and computer-human interaction (CoCHI)</vt:lpstr>
      <vt:lpstr>Hybrid Work</vt:lpstr>
      <vt:lpstr>LLMs in computational notebooks</vt:lpstr>
      <vt:lpstr>Violations of personal digital sovereignty</vt:lpstr>
      <vt:lpstr>Physical and multimodal computing</vt:lpstr>
      <vt:lpstr>fabrication</vt:lpstr>
      <vt:lpstr>Mixed reality</vt:lpstr>
      <vt:lpstr>A Case study of an IT development project in an organiz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11-20T08:59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06736308382635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50</vt:lpwstr>
  </property>
  <property fmtid="{D5CDD505-2E9C-101B-9397-08002B2CF9AE}" pid="62" name="colorthemechange">
    <vt:lpwstr>True</vt:lpwstr>
  </property>
</Properties>
</file>